
<file path=[Content_Types].xml><?xml version="1.0" encoding="utf-8"?>
<Types xmlns="http://schemas.openxmlformats.org/package/2006/content-types">
  <Default Extension="bin" ContentType="image/jpe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11"/>
  </p:notesMasterIdLst>
  <p:sldIdLst>
    <p:sldId id="266" r:id="rId5"/>
    <p:sldId id="259" r:id="rId6"/>
    <p:sldId id="260" r:id="rId7"/>
    <p:sldId id="261" r:id="rId8"/>
    <p:sldId id="262" r:id="rId9"/>
    <p:sldId id="263" r:id="rId1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6E0C5AA-99C0-4FC8-BBF6-64559888CAC0}" v="61" dt="2023-03-21T08:48:00.376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72" autoAdjust="0"/>
    <p:restoredTop sz="94660"/>
  </p:normalViewPr>
  <p:slideViewPr>
    <p:cSldViewPr snapToGrid="0">
      <p:cViewPr varScale="1">
        <p:scale>
          <a:sx n="90" d="100"/>
          <a:sy n="90" d="100"/>
        </p:scale>
        <p:origin x="96" y="9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presProps" Target="presProps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microsoft.com/office/2016/11/relationships/changesInfo" Target="changesInfos/changesInfo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ableStyles" Target="tableStyle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theme" Target="theme/theme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Tonja Felber" userId="de0bf182-94ea-42cc-82ab-524d1c89d6a4" providerId="ADAL" clId="{D6E0C5AA-99C0-4FC8-BBF6-64559888CAC0}"/>
    <pc:docChg chg="undo custSel addSld delSld modSld">
      <pc:chgData name="Tonja Felber" userId="de0bf182-94ea-42cc-82ab-524d1c89d6a4" providerId="ADAL" clId="{D6E0C5AA-99C0-4FC8-BBF6-64559888CAC0}" dt="2023-03-21T08:49:21.024" v="2010" actId="478"/>
      <pc:docMkLst>
        <pc:docMk/>
      </pc:docMkLst>
      <pc:sldChg chg="del">
        <pc:chgData name="Tonja Felber" userId="de0bf182-94ea-42cc-82ab-524d1c89d6a4" providerId="ADAL" clId="{D6E0C5AA-99C0-4FC8-BBF6-64559888CAC0}" dt="2023-03-21T08:48:24.225" v="1967" actId="47"/>
        <pc:sldMkLst>
          <pc:docMk/>
          <pc:sldMk cId="109857222" sldId="256"/>
        </pc:sldMkLst>
      </pc:sldChg>
      <pc:sldChg chg="delSp modSp add del mod">
        <pc:chgData name="Tonja Felber" userId="de0bf182-94ea-42cc-82ab-524d1c89d6a4" providerId="ADAL" clId="{D6E0C5AA-99C0-4FC8-BBF6-64559888CAC0}" dt="2023-03-21T08:48:17.780" v="1964" actId="2696"/>
        <pc:sldMkLst>
          <pc:docMk/>
          <pc:sldMk cId="2859555686" sldId="257"/>
        </pc:sldMkLst>
        <pc:spChg chg="del">
          <ac:chgData name="Tonja Felber" userId="de0bf182-94ea-42cc-82ab-524d1c89d6a4" providerId="ADAL" clId="{D6E0C5AA-99C0-4FC8-BBF6-64559888CAC0}" dt="2023-03-21T08:04:36.435" v="1"/>
          <ac:spMkLst>
            <pc:docMk/>
            <pc:sldMk cId="2859555686" sldId="257"/>
            <ac:spMk id="4" creationId="{9F0EC332-70C9-423C-9DB8-64EF3D60EE4E}"/>
          </ac:spMkLst>
        </pc:spChg>
        <pc:spChg chg="mod">
          <ac:chgData name="Tonja Felber" userId="de0bf182-94ea-42cc-82ab-524d1c89d6a4" providerId="ADAL" clId="{D6E0C5AA-99C0-4FC8-BBF6-64559888CAC0}" dt="2023-03-21T08:48:10.116" v="1962" actId="21"/>
          <ac:spMkLst>
            <pc:docMk/>
            <pc:sldMk cId="2859555686" sldId="257"/>
            <ac:spMk id="6" creationId="{93958BCD-D9BB-48BF-B277-15711EFE3C15}"/>
          </ac:spMkLst>
        </pc:spChg>
        <pc:spChg chg="mod">
          <ac:chgData name="Tonja Felber" userId="de0bf182-94ea-42cc-82ab-524d1c89d6a4" providerId="ADAL" clId="{D6E0C5AA-99C0-4FC8-BBF6-64559888CAC0}" dt="2023-03-21T08:04:36.473" v="10"/>
          <ac:spMkLst>
            <pc:docMk/>
            <pc:sldMk cId="2859555686" sldId="257"/>
            <ac:spMk id="7" creationId="{0974F7E4-7FA3-45CF-B93B-5724C39950F3}"/>
          </ac:spMkLst>
        </pc:spChg>
        <pc:spChg chg="mod">
          <ac:chgData name="Tonja Felber" userId="de0bf182-94ea-42cc-82ab-524d1c89d6a4" providerId="ADAL" clId="{D6E0C5AA-99C0-4FC8-BBF6-64559888CAC0}" dt="2023-03-21T08:04:36.473" v="6"/>
          <ac:spMkLst>
            <pc:docMk/>
            <pc:sldMk cId="2859555686" sldId="257"/>
            <ac:spMk id="9" creationId="{76F2E006-7C86-4671-861A-60CEA8D343A4}"/>
          </ac:spMkLst>
        </pc:spChg>
        <pc:spChg chg="mod">
          <ac:chgData name="Tonja Felber" userId="de0bf182-94ea-42cc-82ab-524d1c89d6a4" providerId="ADAL" clId="{D6E0C5AA-99C0-4FC8-BBF6-64559888CAC0}" dt="2023-03-21T08:04:36.473" v="12"/>
          <ac:spMkLst>
            <pc:docMk/>
            <pc:sldMk cId="2859555686" sldId="257"/>
            <ac:spMk id="10" creationId="{B4B7D047-A72F-4433-B2F4-35FDB36DE244}"/>
          </ac:spMkLst>
        </pc:spChg>
        <pc:spChg chg="mod">
          <ac:chgData name="Tonja Felber" userId="de0bf182-94ea-42cc-82ab-524d1c89d6a4" providerId="ADAL" clId="{D6E0C5AA-99C0-4FC8-BBF6-64559888CAC0}" dt="2023-03-21T08:04:36.473" v="14"/>
          <ac:spMkLst>
            <pc:docMk/>
            <pc:sldMk cId="2859555686" sldId="257"/>
            <ac:spMk id="11" creationId="{9B095B19-F217-42DD-8ECE-E52AD97A08BF}"/>
          </ac:spMkLst>
        </pc:spChg>
        <pc:picChg chg="mod modCrop">
          <ac:chgData name="Tonja Felber" userId="de0bf182-94ea-42cc-82ab-524d1c89d6a4" providerId="ADAL" clId="{D6E0C5AA-99C0-4FC8-BBF6-64559888CAC0}" dt="2023-03-21T08:04:36.473" v="4"/>
          <ac:picMkLst>
            <pc:docMk/>
            <pc:sldMk cId="2859555686" sldId="257"/>
            <ac:picMk id="13" creationId="{B17C070E-081B-4615-9112-EA878137FFC6}"/>
          </ac:picMkLst>
        </pc:picChg>
      </pc:sldChg>
      <pc:sldChg chg="modSp new del mod">
        <pc:chgData name="Tonja Felber" userId="de0bf182-94ea-42cc-82ab-524d1c89d6a4" providerId="ADAL" clId="{D6E0C5AA-99C0-4FC8-BBF6-64559888CAC0}" dt="2023-03-21T08:23:02.963" v="625" actId="2696"/>
        <pc:sldMkLst>
          <pc:docMk/>
          <pc:sldMk cId="2971567728" sldId="258"/>
        </pc:sldMkLst>
        <pc:spChg chg="mod">
          <ac:chgData name="Tonja Felber" userId="de0bf182-94ea-42cc-82ab-524d1c89d6a4" providerId="ADAL" clId="{D6E0C5AA-99C0-4FC8-BBF6-64559888CAC0}" dt="2023-03-21T08:05:08.044" v="36" actId="20577"/>
          <ac:spMkLst>
            <pc:docMk/>
            <pc:sldMk cId="2971567728" sldId="258"/>
            <ac:spMk id="2" creationId="{BEBCF483-F604-43CC-A63E-CE1A3D974DD6}"/>
          </ac:spMkLst>
        </pc:spChg>
      </pc:sldChg>
      <pc:sldChg chg="modSp new mod">
        <pc:chgData name="Tonja Felber" userId="de0bf182-94ea-42cc-82ab-524d1c89d6a4" providerId="ADAL" clId="{D6E0C5AA-99C0-4FC8-BBF6-64559888CAC0}" dt="2023-03-21T08:22:57.965" v="624" actId="6549"/>
        <pc:sldMkLst>
          <pc:docMk/>
          <pc:sldMk cId="3144702820" sldId="259"/>
        </pc:sldMkLst>
        <pc:spChg chg="mod">
          <ac:chgData name="Tonja Felber" userId="de0bf182-94ea-42cc-82ab-524d1c89d6a4" providerId="ADAL" clId="{D6E0C5AA-99C0-4FC8-BBF6-64559888CAC0}" dt="2023-03-21T08:06:12.735" v="44" actId="20577"/>
          <ac:spMkLst>
            <pc:docMk/>
            <pc:sldMk cId="3144702820" sldId="259"/>
            <ac:spMk id="2" creationId="{0CD913DB-18E0-4972-8E75-2946FA0AB8F7}"/>
          </ac:spMkLst>
        </pc:spChg>
        <pc:spChg chg="mod">
          <ac:chgData name="Tonja Felber" userId="de0bf182-94ea-42cc-82ab-524d1c89d6a4" providerId="ADAL" clId="{D6E0C5AA-99C0-4FC8-BBF6-64559888CAC0}" dt="2023-03-21T08:22:53.852" v="623" actId="6549"/>
          <ac:spMkLst>
            <pc:docMk/>
            <pc:sldMk cId="3144702820" sldId="259"/>
            <ac:spMk id="3" creationId="{0504EB32-871A-4A77-8A5D-0E9DA9850B5A}"/>
          </ac:spMkLst>
        </pc:spChg>
        <pc:spChg chg="mod">
          <ac:chgData name="Tonja Felber" userId="de0bf182-94ea-42cc-82ab-524d1c89d6a4" providerId="ADAL" clId="{D6E0C5AA-99C0-4FC8-BBF6-64559888CAC0}" dt="2023-03-21T08:22:57.965" v="624" actId="6549"/>
          <ac:spMkLst>
            <pc:docMk/>
            <pc:sldMk cId="3144702820" sldId="259"/>
            <ac:spMk id="4" creationId="{98DD9F4F-FF70-419E-BE23-80AB255A251D}"/>
          </ac:spMkLst>
        </pc:spChg>
      </pc:sldChg>
      <pc:sldChg chg="modSp add mod">
        <pc:chgData name="Tonja Felber" userId="de0bf182-94ea-42cc-82ab-524d1c89d6a4" providerId="ADAL" clId="{D6E0C5AA-99C0-4FC8-BBF6-64559888CAC0}" dt="2023-03-21T08:27:08.256" v="899" actId="20577"/>
        <pc:sldMkLst>
          <pc:docMk/>
          <pc:sldMk cId="2511620603" sldId="260"/>
        </pc:sldMkLst>
        <pc:spChg chg="mod">
          <ac:chgData name="Tonja Felber" userId="de0bf182-94ea-42cc-82ab-524d1c89d6a4" providerId="ADAL" clId="{D6E0C5AA-99C0-4FC8-BBF6-64559888CAC0}" dt="2023-03-21T08:18:05.012" v="484" actId="20577"/>
          <ac:spMkLst>
            <pc:docMk/>
            <pc:sldMk cId="2511620603" sldId="260"/>
            <ac:spMk id="3" creationId="{0504EB32-871A-4A77-8A5D-0E9DA9850B5A}"/>
          </ac:spMkLst>
        </pc:spChg>
        <pc:spChg chg="mod">
          <ac:chgData name="Tonja Felber" userId="de0bf182-94ea-42cc-82ab-524d1c89d6a4" providerId="ADAL" clId="{D6E0C5AA-99C0-4FC8-BBF6-64559888CAC0}" dt="2023-03-21T08:27:08.256" v="899" actId="20577"/>
          <ac:spMkLst>
            <pc:docMk/>
            <pc:sldMk cId="2511620603" sldId="260"/>
            <ac:spMk id="4" creationId="{98DD9F4F-FF70-419E-BE23-80AB255A251D}"/>
          </ac:spMkLst>
        </pc:spChg>
      </pc:sldChg>
      <pc:sldChg chg="addSp delSp modSp add mod">
        <pc:chgData name="Tonja Felber" userId="de0bf182-94ea-42cc-82ab-524d1c89d6a4" providerId="ADAL" clId="{D6E0C5AA-99C0-4FC8-BBF6-64559888CAC0}" dt="2023-03-21T08:30:04.424" v="1028" actId="478"/>
        <pc:sldMkLst>
          <pc:docMk/>
          <pc:sldMk cId="2972056580" sldId="261"/>
        </pc:sldMkLst>
        <pc:spChg chg="mod">
          <ac:chgData name="Tonja Felber" userId="de0bf182-94ea-42cc-82ab-524d1c89d6a4" providerId="ADAL" clId="{D6E0C5AA-99C0-4FC8-BBF6-64559888CAC0}" dt="2023-03-21T08:29:42.846" v="1027" actId="6549"/>
          <ac:spMkLst>
            <pc:docMk/>
            <pc:sldMk cId="2972056580" sldId="261"/>
            <ac:spMk id="3" creationId="{0504EB32-871A-4A77-8A5D-0E9DA9850B5A}"/>
          </ac:spMkLst>
        </pc:spChg>
        <pc:spChg chg="del">
          <ac:chgData name="Tonja Felber" userId="de0bf182-94ea-42cc-82ab-524d1c89d6a4" providerId="ADAL" clId="{D6E0C5AA-99C0-4FC8-BBF6-64559888CAC0}" dt="2023-03-21T08:30:04.424" v="1028" actId="478"/>
          <ac:spMkLst>
            <pc:docMk/>
            <pc:sldMk cId="2972056580" sldId="261"/>
            <ac:spMk id="4" creationId="{98DD9F4F-FF70-419E-BE23-80AB255A251D}"/>
          </ac:spMkLst>
        </pc:spChg>
        <pc:spChg chg="add mod">
          <ac:chgData name="Tonja Felber" userId="de0bf182-94ea-42cc-82ab-524d1c89d6a4" providerId="ADAL" clId="{D6E0C5AA-99C0-4FC8-BBF6-64559888CAC0}" dt="2023-03-21T08:30:04.424" v="1028" actId="478"/>
          <ac:spMkLst>
            <pc:docMk/>
            <pc:sldMk cId="2972056580" sldId="261"/>
            <ac:spMk id="6" creationId="{06E93F73-939E-4693-B5C0-962355BEE0DB}"/>
          </ac:spMkLst>
        </pc:spChg>
      </pc:sldChg>
      <pc:sldChg chg="modSp add mod">
        <pc:chgData name="Tonja Felber" userId="de0bf182-94ea-42cc-82ab-524d1c89d6a4" providerId="ADAL" clId="{D6E0C5AA-99C0-4FC8-BBF6-64559888CAC0}" dt="2023-03-21T08:43:40.160" v="1758" actId="6549"/>
        <pc:sldMkLst>
          <pc:docMk/>
          <pc:sldMk cId="1569919212" sldId="262"/>
        </pc:sldMkLst>
        <pc:spChg chg="mod">
          <ac:chgData name="Tonja Felber" userId="de0bf182-94ea-42cc-82ab-524d1c89d6a4" providerId="ADAL" clId="{D6E0C5AA-99C0-4FC8-BBF6-64559888CAC0}" dt="2023-03-21T08:30:22.116" v="1043" actId="6549"/>
          <ac:spMkLst>
            <pc:docMk/>
            <pc:sldMk cId="1569919212" sldId="262"/>
            <ac:spMk id="2" creationId="{0CD913DB-18E0-4972-8E75-2946FA0AB8F7}"/>
          </ac:spMkLst>
        </pc:spChg>
        <pc:spChg chg="mod">
          <ac:chgData name="Tonja Felber" userId="de0bf182-94ea-42cc-82ab-524d1c89d6a4" providerId="ADAL" clId="{D6E0C5AA-99C0-4FC8-BBF6-64559888CAC0}" dt="2023-03-21T08:43:12.893" v="1687" actId="20577"/>
          <ac:spMkLst>
            <pc:docMk/>
            <pc:sldMk cId="1569919212" sldId="262"/>
            <ac:spMk id="3" creationId="{0504EB32-871A-4A77-8A5D-0E9DA9850B5A}"/>
          </ac:spMkLst>
        </pc:spChg>
        <pc:spChg chg="mod">
          <ac:chgData name="Tonja Felber" userId="de0bf182-94ea-42cc-82ab-524d1c89d6a4" providerId="ADAL" clId="{D6E0C5AA-99C0-4FC8-BBF6-64559888CAC0}" dt="2023-03-21T08:43:40.160" v="1758" actId="6549"/>
          <ac:spMkLst>
            <pc:docMk/>
            <pc:sldMk cId="1569919212" sldId="262"/>
            <ac:spMk id="6" creationId="{06E93F73-939E-4693-B5C0-962355BEE0DB}"/>
          </ac:spMkLst>
        </pc:spChg>
      </pc:sldChg>
      <pc:sldChg chg="modSp add mod">
        <pc:chgData name="Tonja Felber" userId="de0bf182-94ea-42cc-82ab-524d1c89d6a4" providerId="ADAL" clId="{D6E0C5AA-99C0-4FC8-BBF6-64559888CAC0}" dt="2023-03-21T08:45:40.397" v="1916" actId="20577"/>
        <pc:sldMkLst>
          <pc:docMk/>
          <pc:sldMk cId="3499681751" sldId="263"/>
        </pc:sldMkLst>
        <pc:spChg chg="mod">
          <ac:chgData name="Tonja Felber" userId="de0bf182-94ea-42cc-82ab-524d1c89d6a4" providerId="ADAL" clId="{D6E0C5AA-99C0-4FC8-BBF6-64559888CAC0}" dt="2023-03-21T08:45:34.933" v="1915" actId="6549"/>
          <ac:spMkLst>
            <pc:docMk/>
            <pc:sldMk cId="3499681751" sldId="263"/>
            <ac:spMk id="3" creationId="{0504EB32-871A-4A77-8A5D-0E9DA9850B5A}"/>
          </ac:spMkLst>
        </pc:spChg>
        <pc:spChg chg="mod">
          <ac:chgData name="Tonja Felber" userId="de0bf182-94ea-42cc-82ab-524d1c89d6a4" providerId="ADAL" clId="{D6E0C5AA-99C0-4FC8-BBF6-64559888CAC0}" dt="2023-03-21T08:45:40.397" v="1916" actId="20577"/>
          <ac:spMkLst>
            <pc:docMk/>
            <pc:sldMk cId="3499681751" sldId="263"/>
            <ac:spMk id="6" creationId="{06E93F73-939E-4693-B5C0-962355BEE0DB}"/>
          </ac:spMkLst>
        </pc:spChg>
      </pc:sldChg>
      <pc:sldChg chg="delSp modSp add del mod">
        <pc:chgData name="Tonja Felber" userId="de0bf182-94ea-42cc-82ab-524d1c89d6a4" providerId="ADAL" clId="{D6E0C5AA-99C0-4FC8-BBF6-64559888CAC0}" dt="2023-03-21T08:48:23.127" v="1966" actId="47"/>
        <pc:sldMkLst>
          <pc:docMk/>
          <pc:sldMk cId="1355483092" sldId="264"/>
        </pc:sldMkLst>
        <pc:spChg chg="del">
          <ac:chgData name="Tonja Felber" userId="de0bf182-94ea-42cc-82ab-524d1c89d6a4" providerId="ADAL" clId="{D6E0C5AA-99C0-4FC8-BBF6-64559888CAC0}" dt="2023-03-21T08:47:43.306" v="1918"/>
          <ac:spMkLst>
            <pc:docMk/>
            <pc:sldMk cId="1355483092" sldId="264"/>
            <ac:spMk id="4" creationId="{40A8E342-A07F-4F45-9131-F2147CF1E540}"/>
          </ac:spMkLst>
        </pc:spChg>
        <pc:spChg chg="mod">
          <ac:chgData name="Tonja Felber" userId="de0bf182-94ea-42cc-82ab-524d1c89d6a4" providerId="ADAL" clId="{D6E0C5AA-99C0-4FC8-BBF6-64559888CAC0}" dt="2023-03-21T08:47:43.306" v="1925"/>
          <ac:spMkLst>
            <pc:docMk/>
            <pc:sldMk cId="1355483092" sldId="264"/>
            <ac:spMk id="6" creationId="{043703B4-0D74-4DFD-987B-4749CEE68BB3}"/>
          </ac:spMkLst>
        </pc:spChg>
        <pc:spChg chg="mod">
          <ac:chgData name="Tonja Felber" userId="de0bf182-94ea-42cc-82ab-524d1c89d6a4" providerId="ADAL" clId="{D6E0C5AA-99C0-4FC8-BBF6-64559888CAC0}" dt="2023-03-21T08:47:43.306" v="1927"/>
          <ac:spMkLst>
            <pc:docMk/>
            <pc:sldMk cId="1355483092" sldId="264"/>
            <ac:spMk id="7" creationId="{4F9C9C8A-BC28-4E6C-AAF9-4B5C8A2292C6}"/>
          </ac:spMkLst>
        </pc:spChg>
        <pc:spChg chg="mod">
          <ac:chgData name="Tonja Felber" userId="de0bf182-94ea-42cc-82ab-524d1c89d6a4" providerId="ADAL" clId="{D6E0C5AA-99C0-4FC8-BBF6-64559888CAC0}" dt="2023-03-21T08:47:43.306" v="1923"/>
          <ac:spMkLst>
            <pc:docMk/>
            <pc:sldMk cId="1355483092" sldId="264"/>
            <ac:spMk id="9" creationId="{0D18D4C3-578A-4012-ABBB-C09ED0503897}"/>
          </ac:spMkLst>
        </pc:spChg>
        <pc:spChg chg="mod">
          <ac:chgData name="Tonja Felber" userId="de0bf182-94ea-42cc-82ab-524d1c89d6a4" providerId="ADAL" clId="{D6E0C5AA-99C0-4FC8-BBF6-64559888CAC0}" dt="2023-03-21T08:47:43.306" v="1929"/>
          <ac:spMkLst>
            <pc:docMk/>
            <pc:sldMk cId="1355483092" sldId="264"/>
            <ac:spMk id="10" creationId="{865A74A2-33E7-4E11-BEB5-6F22FCFF9C7E}"/>
          </ac:spMkLst>
        </pc:spChg>
        <pc:spChg chg="mod">
          <ac:chgData name="Tonja Felber" userId="de0bf182-94ea-42cc-82ab-524d1c89d6a4" providerId="ADAL" clId="{D6E0C5AA-99C0-4FC8-BBF6-64559888CAC0}" dt="2023-03-21T08:47:43.306" v="1931"/>
          <ac:spMkLst>
            <pc:docMk/>
            <pc:sldMk cId="1355483092" sldId="264"/>
            <ac:spMk id="11" creationId="{574E5567-1C86-4D20-9F64-C5796AE77F3F}"/>
          </ac:spMkLst>
        </pc:spChg>
        <pc:picChg chg="mod modCrop">
          <ac:chgData name="Tonja Felber" userId="de0bf182-94ea-42cc-82ab-524d1c89d6a4" providerId="ADAL" clId="{D6E0C5AA-99C0-4FC8-BBF6-64559888CAC0}" dt="2023-03-21T08:47:43.306" v="1921"/>
          <ac:picMkLst>
            <pc:docMk/>
            <pc:sldMk cId="1355483092" sldId="264"/>
            <ac:picMk id="8" creationId="{D88FB01B-79ED-4F16-8E7B-5923BDD3BC86}"/>
          </ac:picMkLst>
        </pc:picChg>
      </pc:sldChg>
      <pc:sldChg chg="delSp modSp add del mod">
        <pc:chgData name="Tonja Felber" userId="de0bf182-94ea-42cc-82ab-524d1c89d6a4" providerId="ADAL" clId="{D6E0C5AA-99C0-4FC8-BBF6-64559888CAC0}" dt="2023-03-21T08:48:22.021" v="1965" actId="47"/>
        <pc:sldMkLst>
          <pc:docMk/>
          <pc:sldMk cId="539017947" sldId="265"/>
        </pc:sldMkLst>
        <pc:spChg chg="del">
          <ac:chgData name="Tonja Felber" userId="de0bf182-94ea-42cc-82ab-524d1c89d6a4" providerId="ADAL" clId="{D6E0C5AA-99C0-4FC8-BBF6-64559888CAC0}" dt="2023-03-21T08:47:50.200" v="1933"/>
          <ac:spMkLst>
            <pc:docMk/>
            <pc:sldMk cId="539017947" sldId="265"/>
            <ac:spMk id="4" creationId="{9F0EC332-70C9-423C-9DB8-64EF3D60EE4E}"/>
          </ac:spMkLst>
        </pc:spChg>
        <pc:spChg chg="mod">
          <ac:chgData name="Tonja Felber" userId="de0bf182-94ea-42cc-82ab-524d1c89d6a4" providerId="ADAL" clId="{D6E0C5AA-99C0-4FC8-BBF6-64559888CAC0}" dt="2023-03-21T08:47:50.216" v="1940"/>
          <ac:spMkLst>
            <pc:docMk/>
            <pc:sldMk cId="539017947" sldId="265"/>
            <ac:spMk id="6" creationId="{93958BCD-D9BB-48BF-B277-15711EFE3C15}"/>
          </ac:spMkLst>
        </pc:spChg>
        <pc:spChg chg="mod">
          <ac:chgData name="Tonja Felber" userId="de0bf182-94ea-42cc-82ab-524d1c89d6a4" providerId="ADAL" clId="{D6E0C5AA-99C0-4FC8-BBF6-64559888CAC0}" dt="2023-03-21T08:47:50.216" v="1942"/>
          <ac:spMkLst>
            <pc:docMk/>
            <pc:sldMk cId="539017947" sldId="265"/>
            <ac:spMk id="7" creationId="{0974F7E4-7FA3-45CF-B93B-5724C39950F3}"/>
          </ac:spMkLst>
        </pc:spChg>
        <pc:spChg chg="mod">
          <ac:chgData name="Tonja Felber" userId="de0bf182-94ea-42cc-82ab-524d1c89d6a4" providerId="ADAL" clId="{D6E0C5AA-99C0-4FC8-BBF6-64559888CAC0}" dt="2023-03-21T08:47:50.216" v="1938"/>
          <ac:spMkLst>
            <pc:docMk/>
            <pc:sldMk cId="539017947" sldId="265"/>
            <ac:spMk id="9" creationId="{76F2E006-7C86-4671-861A-60CEA8D343A4}"/>
          </ac:spMkLst>
        </pc:spChg>
        <pc:spChg chg="mod">
          <ac:chgData name="Tonja Felber" userId="de0bf182-94ea-42cc-82ab-524d1c89d6a4" providerId="ADAL" clId="{D6E0C5AA-99C0-4FC8-BBF6-64559888CAC0}" dt="2023-03-21T08:47:50.216" v="1944"/>
          <ac:spMkLst>
            <pc:docMk/>
            <pc:sldMk cId="539017947" sldId="265"/>
            <ac:spMk id="10" creationId="{B4B7D047-A72F-4433-B2F4-35FDB36DE244}"/>
          </ac:spMkLst>
        </pc:spChg>
        <pc:spChg chg="mod">
          <ac:chgData name="Tonja Felber" userId="de0bf182-94ea-42cc-82ab-524d1c89d6a4" providerId="ADAL" clId="{D6E0C5AA-99C0-4FC8-BBF6-64559888CAC0}" dt="2023-03-21T08:47:50.216" v="1946"/>
          <ac:spMkLst>
            <pc:docMk/>
            <pc:sldMk cId="539017947" sldId="265"/>
            <ac:spMk id="11" creationId="{9B095B19-F217-42DD-8ECE-E52AD97A08BF}"/>
          </ac:spMkLst>
        </pc:spChg>
        <pc:picChg chg="mod modCrop">
          <ac:chgData name="Tonja Felber" userId="de0bf182-94ea-42cc-82ab-524d1c89d6a4" providerId="ADAL" clId="{D6E0C5AA-99C0-4FC8-BBF6-64559888CAC0}" dt="2023-03-21T08:47:50.216" v="1936"/>
          <ac:picMkLst>
            <pc:docMk/>
            <pc:sldMk cId="539017947" sldId="265"/>
            <ac:picMk id="8" creationId="{05CC17E5-7FE4-4EB6-AAB4-2545841C3733}"/>
          </ac:picMkLst>
        </pc:picChg>
      </pc:sldChg>
      <pc:sldChg chg="delSp modSp add mod">
        <pc:chgData name="Tonja Felber" userId="de0bf182-94ea-42cc-82ab-524d1c89d6a4" providerId="ADAL" clId="{D6E0C5AA-99C0-4FC8-BBF6-64559888CAC0}" dt="2023-03-21T08:49:21.024" v="2010" actId="478"/>
        <pc:sldMkLst>
          <pc:docMk/>
          <pc:sldMk cId="1492102189" sldId="266"/>
        </pc:sldMkLst>
        <pc:spChg chg="del">
          <ac:chgData name="Tonja Felber" userId="de0bf182-94ea-42cc-82ab-524d1c89d6a4" providerId="ADAL" clId="{D6E0C5AA-99C0-4FC8-BBF6-64559888CAC0}" dt="2023-03-21T08:48:00.376" v="1948"/>
          <ac:spMkLst>
            <pc:docMk/>
            <pc:sldMk cId="1492102189" sldId="266"/>
            <ac:spMk id="4" creationId="{40A8E342-A07F-4F45-9131-F2147CF1E540}"/>
          </ac:spMkLst>
        </pc:spChg>
        <pc:spChg chg="mod">
          <ac:chgData name="Tonja Felber" userId="de0bf182-94ea-42cc-82ab-524d1c89d6a4" providerId="ADAL" clId="{D6E0C5AA-99C0-4FC8-BBF6-64559888CAC0}" dt="2023-03-21T08:48:13.608" v="1963"/>
          <ac:spMkLst>
            <pc:docMk/>
            <pc:sldMk cId="1492102189" sldId="266"/>
            <ac:spMk id="6" creationId="{043703B4-0D74-4DFD-987B-4749CEE68BB3}"/>
          </ac:spMkLst>
        </pc:spChg>
        <pc:spChg chg="mod">
          <ac:chgData name="Tonja Felber" userId="de0bf182-94ea-42cc-82ab-524d1c89d6a4" providerId="ADAL" clId="{D6E0C5AA-99C0-4FC8-BBF6-64559888CAC0}" dt="2023-03-21T08:49:10.095" v="1992" actId="20577"/>
          <ac:spMkLst>
            <pc:docMk/>
            <pc:sldMk cId="1492102189" sldId="266"/>
            <ac:spMk id="7" creationId="{4F9C9C8A-BC28-4E6C-AAF9-4B5C8A2292C6}"/>
          </ac:spMkLst>
        </pc:spChg>
        <pc:spChg chg="mod">
          <ac:chgData name="Tonja Felber" userId="de0bf182-94ea-42cc-82ab-524d1c89d6a4" providerId="ADAL" clId="{D6E0C5AA-99C0-4FC8-BBF6-64559888CAC0}" dt="2023-03-21T08:48:00.376" v="1953"/>
          <ac:spMkLst>
            <pc:docMk/>
            <pc:sldMk cId="1492102189" sldId="266"/>
            <ac:spMk id="9" creationId="{0D18D4C3-578A-4012-ABBB-C09ED0503897}"/>
          </ac:spMkLst>
        </pc:spChg>
        <pc:spChg chg="del mod">
          <ac:chgData name="Tonja Felber" userId="de0bf182-94ea-42cc-82ab-524d1c89d6a4" providerId="ADAL" clId="{D6E0C5AA-99C0-4FC8-BBF6-64559888CAC0}" dt="2023-03-21T08:49:21.024" v="2010" actId="478"/>
          <ac:spMkLst>
            <pc:docMk/>
            <pc:sldMk cId="1492102189" sldId="266"/>
            <ac:spMk id="10" creationId="{865A74A2-33E7-4E11-BEB5-6F22FCFF9C7E}"/>
          </ac:spMkLst>
        </pc:spChg>
        <pc:spChg chg="mod">
          <ac:chgData name="Tonja Felber" userId="de0bf182-94ea-42cc-82ab-524d1c89d6a4" providerId="ADAL" clId="{D6E0C5AA-99C0-4FC8-BBF6-64559888CAC0}" dt="2023-03-21T08:49:17.831" v="2009" actId="20577"/>
          <ac:spMkLst>
            <pc:docMk/>
            <pc:sldMk cId="1492102189" sldId="266"/>
            <ac:spMk id="11" creationId="{574E5567-1C86-4D20-9F64-C5796AE77F3F}"/>
          </ac:spMkLst>
        </pc:spChg>
        <pc:picChg chg="mod modCrop">
          <ac:chgData name="Tonja Felber" userId="de0bf182-94ea-42cc-82ab-524d1c89d6a4" providerId="ADAL" clId="{D6E0C5AA-99C0-4FC8-BBF6-64559888CAC0}" dt="2023-03-21T08:48:00.376" v="1951"/>
          <ac:picMkLst>
            <pc:docMk/>
            <pc:sldMk cId="1492102189" sldId="266"/>
            <ac:picMk id="8" creationId="{3D662B35-F29E-4717-8BA1-D9E893B9DAAD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4CCE773-0B23-4D99-888A-DEB42913CAF6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F912565-849F-4909-B96A-311041B212A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64080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8FAACAD0-2319-453C-B281-2179E864F2B3}" type="slidenum">
              <a:rPr lang="en-GB"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604705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53878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0290545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944565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3FB15ED4-1601-4393-A177-36465BE36879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0" y="0"/>
            <a:ext cx="12192000" cy="595080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  <p:txBody>
          <a:bodyPr tIns="144000"/>
          <a:lstStyle>
            <a:lvl1pPr marL="0" marR="0" indent="0" algn="ctr" defTabSz="914400" rtl="0" eaLnBrk="1" fontAlgn="base" latinLnBrk="0" hangingPunct="1">
              <a:lnSpc>
                <a:spcPct val="100000"/>
              </a:lnSpc>
              <a:spcBef>
                <a:spcPts val="600"/>
              </a:spcBef>
              <a:spcAft>
                <a:spcPct val="0"/>
              </a:spcAft>
              <a:buClrTx/>
              <a:buSzPct val="100000"/>
              <a:buFont typeface="Arial" panose="020B0604020202020204" pitchFamily="34" charset="0"/>
              <a:buNone/>
              <a:tabLst/>
              <a:defRPr>
                <a:solidFill>
                  <a:schemeClr val="accent2"/>
                </a:solidFill>
              </a:defRPr>
            </a:lvl1pPr>
          </a:lstStyle>
          <a:p>
            <a:r>
              <a:rPr lang="en-US" noProof="0" dirty="0"/>
              <a:t>Select placeholder and insert picture from ImageLibrary / Right click send to back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0405EF0F-DB67-44D7-8498-9587C025FA93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669599" y="3382454"/>
            <a:ext cx="6240788" cy="2781809"/>
          </a:xfrm>
          <a:custGeom>
            <a:avLst/>
            <a:gdLst>
              <a:gd name="connsiteX0" fmla="*/ 0 w 6240788"/>
              <a:gd name="connsiteY0" fmla="*/ 0 h 2781809"/>
              <a:gd name="connsiteX1" fmla="*/ 253462 w 6240788"/>
              <a:gd name="connsiteY1" fmla="*/ 0 h 2781809"/>
              <a:gd name="connsiteX2" fmla="*/ 505462 w 6240788"/>
              <a:gd name="connsiteY2" fmla="*/ 252000 h 2781809"/>
              <a:gd name="connsiteX3" fmla="*/ 757462 w 6240788"/>
              <a:gd name="connsiteY3" fmla="*/ 0 h 2781809"/>
              <a:gd name="connsiteX4" fmla="*/ 6240788 w 6240788"/>
              <a:gd name="connsiteY4" fmla="*/ 0 h 2781809"/>
              <a:gd name="connsiteX5" fmla="*/ 6240788 w 6240788"/>
              <a:gd name="connsiteY5" fmla="*/ 2781809 h 2781809"/>
              <a:gd name="connsiteX6" fmla="*/ 0 w 6240788"/>
              <a:gd name="connsiteY6" fmla="*/ 2781809 h 278180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240788" h="2781809">
                <a:moveTo>
                  <a:pt x="0" y="0"/>
                </a:moveTo>
                <a:lnTo>
                  <a:pt x="253462" y="0"/>
                </a:lnTo>
                <a:lnTo>
                  <a:pt x="505462" y="252000"/>
                </a:lnTo>
                <a:lnTo>
                  <a:pt x="757462" y="0"/>
                </a:lnTo>
                <a:lnTo>
                  <a:pt x="6240788" y="0"/>
                </a:lnTo>
                <a:lnTo>
                  <a:pt x="6240788" y="2781809"/>
                </a:lnTo>
                <a:lnTo>
                  <a:pt x="0" y="2781809"/>
                </a:lnTo>
                <a:close/>
              </a:path>
            </a:pathLst>
          </a:custGeom>
          <a:solidFill>
            <a:schemeClr val="accent1">
              <a:alpha val="89804"/>
            </a:schemeClr>
          </a:solidFill>
          <a:ln>
            <a:noFill/>
          </a:ln>
        </p:spPr>
        <p:txBody>
          <a:bodyPr wrap="square">
            <a:noAutofit/>
          </a:bodyPr>
          <a:lstStyle>
            <a:lvl1pPr marL="0" indent="0">
              <a:buFontTx/>
              <a:buNone/>
              <a:defRPr sz="1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4DC66024-34C3-4981-9B8C-155983E23850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177200" y="3823551"/>
            <a:ext cx="5212800" cy="1140406"/>
          </a:xfrm>
          <a:prstGeom prst="rect">
            <a:avLst/>
          </a:prstGeom>
        </p:spPr>
        <p:txBody>
          <a:bodyPr anchor="ctr" anchorCtr="0">
            <a:noAutofit/>
          </a:bodyPr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DB21EB94-6431-45BE-856F-7F9A060D90B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177200" y="4975619"/>
            <a:ext cx="5212800" cy="303220"/>
          </a:xfrm>
        </p:spPr>
        <p:txBody>
          <a:bodyPr tIns="0" rIns="0" bIns="0" anchor="ctr" anchorCtr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add nam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56B4CEC-8665-4B5D-A6CB-E01F1767909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177200" y="5265481"/>
            <a:ext cx="5212800" cy="297858"/>
          </a:xfrm>
        </p:spPr>
        <p:txBody>
          <a:bodyPr tIns="0" rIns="0" bIns="0" anchor="ctr" anchorCtr="0">
            <a:noAutofit/>
          </a:bodyPr>
          <a:lstStyle>
            <a:lvl1pPr marL="0" indent="0"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add title and department</a:t>
            </a:r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BCF5C49A-1AD7-4CDB-8494-08C3F84DBCE5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1177200" y="5549982"/>
            <a:ext cx="5212800" cy="297858"/>
          </a:xfrm>
        </p:spPr>
        <p:txBody>
          <a:bodyPr tIns="0" rIns="0" bIns="0" anchor="ctr" anchorCtr="0">
            <a:noAutofit/>
          </a:bodyPr>
          <a:lstStyle>
            <a:lvl1pPr marL="0" indent="0">
              <a:spcBef>
                <a:spcPts val="0"/>
              </a:spcBef>
              <a:buNone/>
              <a:defRPr sz="18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date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A5FED2C-40CD-4A70-967A-A47CF6AAAE9E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fld id="{84DCD494-7A67-4735-AD1D-DB38C3C72C1C}" type="datetime4">
              <a:rPr lang="en-US" sz="100"/>
              <a:t>March 21, 2023</a:t>
            </a:fld>
            <a:endParaRPr lang="en-US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E94C447-B8B3-4332-823E-F984EDF0140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C3086789-4432-4861-A2A4-2CA724C1714A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/>
          <a:lstStyle/>
          <a:p>
            <a:fld id="{85924A59-8900-4873-B62B-B04443F218B4}" type="slidenum">
              <a:rPr lang="en-US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2052247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29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913845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152452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309203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317233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031255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63889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184145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895827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46CE7D5-CF57-46EF-B807-FDD0502418D4}" type="datetimeFigureOut">
              <a:rPr lang="en-US" smtClean="0"/>
              <a:t>3/21/202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30EA680-D336-4FF7-8B7A-9848BB0A1C3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609540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image" Target="../media/image1.bin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tripinn-hotels.com/giessen/" TargetMode="External"/><Relationship Id="rId2" Type="http://schemas.openxmlformats.org/officeDocument/2006/relationships/hyperlink" Target="mailto:info@tandreas.de" TargetMode="Externa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restaurant-heyligenstaedt.de/kontakt/" TargetMode="External"/><Relationship Id="rId2" Type="http://schemas.openxmlformats.org/officeDocument/2006/relationships/hyperlink" Target="https://www.hotel-steinsgarten.de/" TargetMode="External"/><Relationship Id="rId1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hotel-giessen.de/" TargetMode="External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tripinn-hotels.com/wetzlar/" TargetMode="External"/><Relationship Id="rId2" Type="http://schemas.openxmlformats.org/officeDocument/2006/relationships/hyperlink" Target="https://www.viennahouse.com/de.html" TargetMode="Externa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das-kleine-hotel-lahnau.de/" TargetMode="External"/><Relationship Id="rId2" Type="http://schemas.openxmlformats.org/officeDocument/2006/relationships/hyperlink" Target="https://www.hotel-wetzlarer-hof.de/" TargetMode="Externa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Placeholder 7" descr="A person wearing a suit and tie&#10;&#10;Description automatically generated">
            <a:extLst>
              <a:ext uri="{FF2B5EF4-FFF2-40B4-BE49-F238E27FC236}">
                <a16:creationId xmlns:a16="http://schemas.microsoft.com/office/drawing/2014/main" id="{3D662B35-F29E-4717-8BA1-D9E893B9DAAD}"/>
              </a:ext>
            </a:extLst>
          </p:cNvPr>
          <p:cNvPicPr>
            <a:picLocks noGrp="1" noChangeAspect="1"/>
          </p:cNvPicPr>
          <p:nvPr>
            <p:ph type="pic" sz="quarter" idx="22"/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484" b="5484"/>
          <a:stretch/>
        </p:blipFill>
        <p:spPr>
          <a:xfrm>
            <a:off x="0" y="0"/>
            <a:ext cx="12192000" cy="5950800"/>
          </a:xfrm>
        </p:spPr>
      </p:pic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0D18D4C3-578A-4012-ABBB-C09ED0503897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043703B4-0D74-4DFD-987B-4749CEE68BB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List of Hotels</a:t>
            </a:r>
          </a:p>
        </p:txBody>
      </p:sp>
      <p:sp>
        <p:nvSpPr>
          <p:cNvPr id="7" name="Subtitle 6">
            <a:extLst>
              <a:ext uri="{FF2B5EF4-FFF2-40B4-BE49-F238E27FC236}">
                <a16:creationId xmlns:a16="http://schemas.microsoft.com/office/drawing/2014/main" id="{4F9C9C8A-BC28-4E6C-AAF9-4B5C8A2292C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Pohlheim and surroundings</a:t>
            </a:r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574E5567-1C86-4D20-9F64-C5796AE77F3F}"/>
              </a:ext>
            </a:extLst>
          </p:cNvPr>
          <p:cNvSpPr>
            <a:spLocks noGrp="1"/>
          </p:cNvSpPr>
          <p:nvPr>
            <p:ph type="body" sz="quarter" idx="28"/>
          </p:nvPr>
        </p:nvSpPr>
        <p:spPr/>
        <p:txBody>
          <a:bodyPr/>
          <a:lstStyle/>
          <a:p>
            <a:r>
              <a:rPr lang="en-US" dirty="0"/>
              <a:t>Status March 202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21021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D913DB-18E0-4972-8E75-2946FA0AB8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iesse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504EB32-871A-4A77-8A5D-0E9DA9850B5A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Tandreas</a:t>
            </a:r>
          </a:p>
          <a:p>
            <a:pPr marL="0" indent="0">
              <a:buNone/>
            </a:pPr>
            <a:r>
              <a:rPr lang="en-US" dirty="0"/>
              <a:t>Hotel Restaurant </a:t>
            </a:r>
            <a:r>
              <a:rPr lang="en-US" dirty="0" err="1"/>
              <a:t>Weinlounge</a:t>
            </a:r>
            <a:endParaRPr lang="en-US" dirty="0"/>
          </a:p>
          <a:p>
            <a:pPr marL="0" indent="0">
              <a:buNone/>
            </a:pPr>
            <a:r>
              <a:rPr lang="en-US" dirty="0" err="1"/>
              <a:t>Licher</a:t>
            </a:r>
            <a:r>
              <a:rPr lang="en-US" dirty="0"/>
              <a:t> Str. 55</a:t>
            </a:r>
          </a:p>
          <a:p>
            <a:pPr marL="0" indent="0">
              <a:buNone/>
            </a:pPr>
            <a:r>
              <a:rPr lang="en-US" dirty="0"/>
              <a:t>35394 Gießen</a:t>
            </a:r>
          </a:p>
          <a:p>
            <a:pPr marL="0" indent="0">
              <a:buNone/>
            </a:pPr>
            <a:r>
              <a:rPr lang="en-US" dirty="0"/>
              <a:t>+49 641 94070</a:t>
            </a:r>
          </a:p>
          <a:p>
            <a:pPr marL="0" indent="0">
              <a:buNone/>
            </a:pPr>
            <a:r>
              <a:rPr lang="de-DE" b="0" i="0" dirty="0">
                <a:effectLst/>
                <a:latin typeface="Merriweather" panose="020B0604020202020204" pitchFamily="2" charset="0"/>
                <a:hlinkClick r:id="rId2"/>
              </a:rPr>
              <a:t>info@tandreas.de</a:t>
            </a:r>
            <a:endParaRPr lang="de-DE" b="0" i="0" dirty="0">
              <a:effectLst/>
              <a:latin typeface="Merriweather" panose="020B0604020202020204" pitchFamily="2" charset="0"/>
            </a:endParaRP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8DD9F4F-FF70-419E-BE23-80AB255A251D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Trip Inn Hotels</a:t>
            </a:r>
          </a:p>
          <a:p>
            <a:pPr marL="0" indent="0">
              <a:buNone/>
            </a:pPr>
            <a:r>
              <a:rPr lang="en-US" dirty="0" err="1"/>
              <a:t>Cityhotel</a:t>
            </a:r>
            <a:r>
              <a:rPr lang="en-US" dirty="0"/>
              <a:t> Giessen</a:t>
            </a:r>
          </a:p>
          <a:p>
            <a:pPr marL="0" indent="0">
              <a:buNone/>
            </a:pPr>
            <a:r>
              <a:rPr lang="en-US" dirty="0" err="1"/>
              <a:t>Westanlage</a:t>
            </a:r>
            <a:r>
              <a:rPr lang="en-US" dirty="0"/>
              <a:t> 30-32</a:t>
            </a:r>
          </a:p>
          <a:p>
            <a:pPr marL="0" indent="0">
              <a:buNone/>
            </a:pPr>
            <a:r>
              <a:rPr lang="en-US" dirty="0"/>
              <a:t>35391 Gießen</a:t>
            </a:r>
          </a:p>
          <a:p>
            <a:pPr marL="0" indent="0">
              <a:buNone/>
            </a:pPr>
            <a:r>
              <a:rPr lang="en-US" dirty="0"/>
              <a:t>+49 641 80899550</a:t>
            </a:r>
          </a:p>
          <a:p>
            <a:pPr marL="0" indent="0">
              <a:buNone/>
            </a:pPr>
            <a:r>
              <a:rPr lang="de-DE" dirty="0">
                <a:hlinkClick r:id="rId3"/>
              </a:rPr>
              <a:t>TRIP INN Cityhotel Gießen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1447028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D913DB-18E0-4972-8E75-2946FA0AB8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iesse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504EB32-871A-4A77-8A5D-0E9DA9850B5A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Hotel </a:t>
            </a:r>
            <a:r>
              <a:rPr lang="en-US" dirty="0" err="1"/>
              <a:t>Steinsgarten</a:t>
            </a:r>
            <a:endParaRPr lang="en-US" dirty="0"/>
          </a:p>
          <a:p>
            <a:pPr marL="0" indent="0">
              <a:buNone/>
            </a:pPr>
            <a:r>
              <a:rPr lang="en-US" dirty="0"/>
              <a:t>Best Western Plus</a:t>
            </a:r>
          </a:p>
          <a:p>
            <a:pPr marL="0" indent="0">
              <a:buNone/>
            </a:pPr>
            <a:r>
              <a:rPr lang="en-US" dirty="0"/>
              <a:t>Hein-</a:t>
            </a:r>
            <a:r>
              <a:rPr lang="en-US" dirty="0" err="1"/>
              <a:t>Heckroth</a:t>
            </a:r>
            <a:r>
              <a:rPr lang="en-US" dirty="0"/>
              <a:t>-Str- 20</a:t>
            </a:r>
          </a:p>
          <a:p>
            <a:pPr marL="0" indent="0">
              <a:buNone/>
            </a:pPr>
            <a:r>
              <a:rPr lang="en-US" dirty="0"/>
              <a:t>35390 Gießen</a:t>
            </a:r>
          </a:p>
          <a:p>
            <a:pPr marL="0" indent="0">
              <a:buNone/>
            </a:pPr>
            <a:r>
              <a:rPr lang="en-US" dirty="0"/>
              <a:t>+49 641 38990</a:t>
            </a:r>
          </a:p>
          <a:p>
            <a:pPr marL="0" indent="0">
              <a:buNone/>
            </a:pPr>
            <a:r>
              <a:rPr lang="de-DE" dirty="0">
                <a:hlinkClick r:id="rId2"/>
              </a:rPr>
              <a:t>Best Western Plus Hotel Gießen | Hotel (hotel-steinsgarten.de)</a:t>
            </a:r>
            <a:endParaRPr lang="de-DE" dirty="0"/>
          </a:p>
          <a:p>
            <a:pPr marL="0" indent="0">
              <a:buNone/>
            </a:pPr>
            <a:r>
              <a:rPr lang="de-DE" dirty="0" err="1"/>
              <a:t>Parking</a:t>
            </a:r>
            <a:r>
              <a:rPr lang="de-DE" dirty="0"/>
              <a:t> </a:t>
            </a:r>
            <a:r>
              <a:rPr lang="de-DE" dirty="0" err="1"/>
              <a:t>direct</a:t>
            </a:r>
            <a:r>
              <a:rPr lang="de-DE" dirty="0"/>
              <a:t> at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hotel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8DD9F4F-FF70-419E-BE23-80AB255A251D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err="1"/>
              <a:t>Heyligenstaedt</a:t>
            </a:r>
            <a:endParaRPr lang="en-US" dirty="0"/>
          </a:p>
          <a:p>
            <a:pPr marL="0" indent="0">
              <a:buNone/>
            </a:pPr>
            <a:r>
              <a:rPr lang="en-US" dirty="0"/>
              <a:t>Restaurant &amp; Hotel </a:t>
            </a:r>
          </a:p>
          <a:p>
            <a:pPr marL="0" indent="0">
              <a:buNone/>
            </a:pPr>
            <a:r>
              <a:rPr lang="en-US" dirty="0" err="1"/>
              <a:t>Aulweg</a:t>
            </a:r>
            <a:r>
              <a:rPr lang="en-US" dirty="0"/>
              <a:t> 41</a:t>
            </a:r>
          </a:p>
          <a:p>
            <a:pPr marL="0" indent="0">
              <a:buNone/>
            </a:pPr>
            <a:r>
              <a:rPr lang="en-US" dirty="0"/>
              <a:t>35392 Gießen</a:t>
            </a:r>
          </a:p>
          <a:p>
            <a:pPr marL="0" indent="0">
              <a:buNone/>
            </a:pPr>
            <a:r>
              <a:rPr lang="en-US" dirty="0"/>
              <a:t>+49 641 4609650</a:t>
            </a:r>
          </a:p>
          <a:p>
            <a:pPr marL="0" indent="0">
              <a:buNone/>
            </a:pPr>
            <a:r>
              <a:rPr lang="de-DE" dirty="0">
                <a:hlinkClick r:id="rId3"/>
              </a:rPr>
              <a:t>HOTEL &amp; RESTAURANT </a:t>
            </a:r>
            <a:r>
              <a:rPr lang="de-DE" dirty="0" err="1">
                <a:hlinkClick r:id="rId3"/>
              </a:rPr>
              <a:t>heyligenstaedt</a:t>
            </a:r>
            <a:endParaRPr lang="de-DE" dirty="0"/>
          </a:p>
          <a:p>
            <a:pPr marL="0" indent="0">
              <a:buNone/>
            </a:pPr>
            <a:r>
              <a:rPr lang="de-DE" dirty="0"/>
              <a:t>Free </a:t>
            </a:r>
            <a:r>
              <a:rPr lang="de-DE" dirty="0" err="1"/>
              <a:t>parking</a:t>
            </a:r>
            <a:r>
              <a:rPr lang="de-DE" dirty="0"/>
              <a:t> </a:t>
            </a:r>
            <a:r>
              <a:rPr lang="de-DE" dirty="0" err="1"/>
              <a:t>available</a:t>
            </a:r>
            <a:r>
              <a:rPr lang="de-DE" dirty="0"/>
              <a:t> </a:t>
            </a:r>
            <a:r>
              <a:rPr lang="de-DE" dirty="0" err="1"/>
              <a:t>directly</a:t>
            </a:r>
            <a:r>
              <a:rPr lang="de-DE" dirty="0"/>
              <a:t> at Hot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1162060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D913DB-18E0-4972-8E75-2946FA0AB8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iesse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504EB32-871A-4A77-8A5D-0E9DA9850B5A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err="1"/>
              <a:t>Altes</a:t>
            </a:r>
            <a:r>
              <a:rPr lang="en-US" dirty="0"/>
              <a:t> </a:t>
            </a:r>
            <a:r>
              <a:rPr lang="en-US" dirty="0" err="1"/>
              <a:t>Eishaus</a:t>
            </a:r>
            <a:endParaRPr lang="en-US" dirty="0"/>
          </a:p>
          <a:p>
            <a:pPr marL="0" indent="0">
              <a:buNone/>
            </a:pPr>
            <a:r>
              <a:rPr lang="en-US" dirty="0" err="1"/>
              <a:t>Wißmarer</a:t>
            </a:r>
            <a:r>
              <a:rPr lang="en-US" dirty="0"/>
              <a:t> </a:t>
            </a:r>
            <a:r>
              <a:rPr lang="en-US" dirty="0" err="1"/>
              <a:t>Weg</a:t>
            </a:r>
            <a:r>
              <a:rPr lang="en-US" dirty="0"/>
              <a:t> 45</a:t>
            </a:r>
          </a:p>
          <a:p>
            <a:pPr marL="0" indent="0">
              <a:buNone/>
            </a:pPr>
            <a:r>
              <a:rPr lang="en-US" dirty="0"/>
              <a:t>35396 Gießen</a:t>
            </a:r>
          </a:p>
          <a:p>
            <a:pPr marL="0" indent="0">
              <a:buNone/>
            </a:pPr>
            <a:r>
              <a:rPr lang="en-US" dirty="0"/>
              <a:t>+49 641 389080</a:t>
            </a:r>
          </a:p>
          <a:p>
            <a:pPr marL="0" indent="0">
              <a:buNone/>
            </a:pPr>
            <a:r>
              <a:rPr lang="de-DE" dirty="0">
                <a:hlinkClick r:id="rId2"/>
              </a:rPr>
              <a:t>Hotel Gießen - Altes </a:t>
            </a:r>
            <a:r>
              <a:rPr lang="de-DE" dirty="0" err="1">
                <a:hlinkClick r:id="rId2"/>
              </a:rPr>
              <a:t>Eishaus</a:t>
            </a:r>
            <a:endParaRPr lang="en-US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6E93F73-939E-4693-B5C0-962355BEE0DB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7205658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D913DB-18E0-4972-8E75-2946FA0AB8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etzla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504EB32-871A-4A77-8A5D-0E9DA9850B5A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/>
              <a:t>Vienna House</a:t>
            </a:r>
          </a:p>
          <a:p>
            <a:pPr marL="0" indent="0">
              <a:buNone/>
            </a:pPr>
            <a:r>
              <a:rPr lang="en-US" dirty="0"/>
              <a:t>Ernst Leitz Wetzlar</a:t>
            </a:r>
          </a:p>
          <a:p>
            <a:pPr marL="0" indent="0">
              <a:buNone/>
            </a:pPr>
            <a:r>
              <a:rPr lang="en-US" dirty="0"/>
              <a:t>Am Leitz-Park 8</a:t>
            </a:r>
          </a:p>
          <a:p>
            <a:pPr marL="0" indent="0">
              <a:buNone/>
            </a:pPr>
            <a:r>
              <a:rPr lang="en-US" dirty="0"/>
              <a:t>35578 Wetzlar</a:t>
            </a:r>
          </a:p>
          <a:p>
            <a:pPr marL="0" indent="0">
              <a:buNone/>
            </a:pPr>
            <a:r>
              <a:rPr lang="en-US" dirty="0"/>
              <a:t>+49 6641 3099 0 </a:t>
            </a:r>
          </a:p>
          <a:p>
            <a:pPr marL="0" indent="0">
              <a:buNone/>
            </a:pPr>
            <a:r>
              <a:rPr lang="de-DE" dirty="0">
                <a:hlinkClick r:id="rId2"/>
              </a:rPr>
              <a:t>Vienna House </a:t>
            </a:r>
            <a:endParaRPr lang="en-US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6E93F73-939E-4693-B5C0-962355BEE0DB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/>
              <a:t>Trip Inn  </a:t>
            </a:r>
          </a:p>
          <a:p>
            <a:pPr marL="0" indent="0">
              <a:buNone/>
            </a:pPr>
            <a:r>
              <a:rPr lang="en-US" dirty="0"/>
              <a:t>Conference &amp; Suites Wetzlar </a:t>
            </a:r>
          </a:p>
          <a:p>
            <a:pPr marL="0" indent="0">
              <a:buNone/>
            </a:pPr>
            <a:r>
              <a:rPr lang="en-US" dirty="0" err="1"/>
              <a:t>Siegmund</a:t>
            </a:r>
            <a:r>
              <a:rPr lang="en-US" dirty="0"/>
              <a:t>-</a:t>
            </a:r>
            <a:r>
              <a:rPr lang="en-US" dirty="0" err="1"/>
              <a:t>Hiepe</a:t>
            </a:r>
            <a:r>
              <a:rPr lang="en-US" dirty="0"/>
              <a:t>-Str. 39</a:t>
            </a:r>
          </a:p>
          <a:p>
            <a:pPr marL="0" indent="0">
              <a:buNone/>
            </a:pPr>
            <a:r>
              <a:rPr lang="en-US" dirty="0"/>
              <a:t>35578 Wetzlar </a:t>
            </a:r>
          </a:p>
          <a:p>
            <a:pPr marL="0" indent="0">
              <a:buNone/>
            </a:pPr>
            <a:r>
              <a:rPr lang="en-US" dirty="0"/>
              <a:t>+49 6441 87 09 90</a:t>
            </a:r>
          </a:p>
          <a:p>
            <a:pPr marL="0" indent="0">
              <a:buNone/>
            </a:pPr>
            <a:r>
              <a:rPr lang="de-DE" dirty="0">
                <a:hlinkClick r:id="rId3"/>
              </a:rPr>
              <a:t>TRIP INN Conference Hotel &amp; </a:t>
            </a:r>
            <a:r>
              <a:rPr lang="de-DE" dirty="0" err="1">
                <a:hlinkClick r:id="rId3"/>
              </a:rPr>
              <a:t>Suit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6991921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D913DB-18E0-4972-8E75-2946FA0AB8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etzla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504EB32-871A-4A77-8A5D-0E9DA9850B5A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err="1"/>
              <a:t>Wetzlarer</a:t>
            </a:r>
            <a:r>
              <a:rPr lang="en-US" dirty="0"/>
              <a:t> Hof 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en-US" dirty="0" err="1"/>
              <a:t>Obertor</a:t>
            </a:r>
            <a:r>
              <a:rPr lang="en-US" dirty="0"/>
              <a:t> Str. 3</a:t>
            </a:r>
          </a:p>
          <a:p>
            <a:pPr marL="0" indent="0">
              <a:buNone/>
            </a:pPr>
            <a:r>
              <a:rPr lang="en-US" dirty="0"/>
              <a:t>35578 Wetzlar</a:t>
            </a:r>
          </a:p>
          <a:p>
            <a:pPr marL="0" indent="0">
              <a:buNone/>
            </a:pPr>
            <a:r>
              <a:rPr lang="en-US" dirty="0"/>
              <a:t>+49 6641 90 80  </a:t>
            </a:r>
          </a:p>
          <a:p>
            <a:pPr marL="0" indent="0">
              <a:buNone/>
            </a:pPr>
            <a:r>
              <a:rPr lang="de-DE" dirty="0">
                <a:hlinkClick r:id="rId2"/>
              </a:rPr>
              <a:t>Hotel Restaurant Wetzlarer Hof</a:t>
            </a:r>
            <a:endParaRPr lang="en-US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06E93F73-939E-4693-B5C0-962355BEE0DB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Das </a:t>
            </a:r>
            <a:r>
              <a:rPr lang="en-US" dirty="0" err="1"/>
              <a:t>kleine</a:t>
            </a:r>
            <a:r>
              <a:rPr lang="en-US" dirty="0"/>
              <a:t> Hotel </a:t>
            </a:r>
            <a:r>
              <a:rPr lang="en-US" dirty="0" err="1"/>
              <a:t>Lahnau</a:t>
            </a:r>
            <a:r>
              <a:rPr lang="en-US" dirty="0"/>
              <a:t>  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en-US" dirty="0" err="1"/>
              <a:t>Rodheimer</a:t>
            </a:r>
            <a:r>
              <a:rPr lang="en-US" dirty="0"/>
              <a:t> Str. 50 a</a:t>
            </a:r>
          </a:p>
          <a:p>
            <a:pPr marL="0" indent="0">
              <a:buNone/>
            </a:pPr>
            <a:r>
              <a:rPr lang="en-US" dirty="0"/>
              <a:t>35633 </a:t>
            </a:r>
            <a:r>
              <a:rPr lang="en-US" dirty="0" err="1"/>
              <a:t>Lahnau</a:t>
            </a:r>
            <a:r>
              <a:rPr lang="en-US" dirty="0"/>
              <a:t> / </a:t>
            </a:r>
            <a:r>
              <a:rPr lang="en-US" dirty="0" err="1"/>
              <a:t>Waldgirmes</a:t>
            </a:r>
            <a:endParaRPr lang="en-US" dirty="0"/>
          </a:p>
          <a:p>
            <a:pPr marL="0" indent="0">
              <a:buNone/>
            </a:pPr>
            <a:r>
              <a:rPr lang="en-US" dirty="0"/>
              <a:t>+49 6441 44 40 60</a:t>
            </a:r>
          </a:p>
          <a:p>
            <a:pPr marL="0" indent="0">
              <a:buNone/>
            </a:pPr>
            <a:r>
              <a:rPr lang="de-DE" dirty="0">
                <a:hlinkClick r:id="rId3"/>
              </a:rPr>
              <a:t>Das kleine Hotel Lahnau (das-kleine-hotel-lahnau.de)</a:t>
            </a:r>
            <a:endParaRPr lang="de-DE" dirty="0"/>
          </a:p>
          <a:p>
            <a:pPr marL="0" indent="0">
              <a:buNone/>
            </a:pPr>
            <a:r>
              <a:rPr lang="de-DE" dirty="0"/>
              <a:t>20 min </a:t>
            </a:r>
            <a:r>
              <a:rPr lang="de-DE" dirty="0" err="1"/>
              <a:t>to</a:t>
            </a:r>
            <a:r>
              <a:rPr lang="de-DE" dirty="0"/>
              <a:t> Pohlheim Plan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9968175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3287340023116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a0f8288b-9a52-47d8-96b0-0473573e89eb" xsi:nil="true"/>
    <lcf76f155ced4ddcb4097134ff3c332f xmlns="c0862419-de0d-4d8c-92f2-12e74c822714">
      <Terms xmlns="http://schemas.microsoft.com/office/infopath/2007/PartnerControls"/>
    </lcf76f155ced4ddcb4097134ff3c332f>
    <MediaLengthInSeconds xmlns="c0862419-de0d-4d8c-92f2-12e74c822714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0C034774DBA114F99BDE548905A1D71" ma:contentTypeVersion="13" ma:contentTypeDescription="Create a new document." ma:contentTypeScope="" ma:versionID="64dd62377d990d413f8f0205884580f7">
  <xsd:schema xmlns:xsd="http://www.w3.org/2001/XMLSchema" xmlns:xs="http://www.w3.org/2001/XMLSchema" xmlns:p="http://schemas.microsoft.com/office/2006/metadata/properties" xmlns:ns2="c0862419-de0d-4d8c-92f2-12e74c822714" xmlns:ns3="a0f8288b-9a52-47d8-96b0-0473573e89eb" targetNamespace="http://schemas.microsoft.com/office/2006/metadata/properties" ma:root="true" ma:fieldsID="e0292871cd7813d7eaac396d2556b177" ns2:_="" ns3:_="">
    <xsd:import namespace="c0862419-de0d-4d8c-92f2-12e74c822714"/>
    <xsd:import namespace="a0f8288b-9a52-47d8-96b0-0473573e89eb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LengthInSeconds" minOccurs="0"/>
                <xsd:element ref="ns2:MediaServiceLocation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0862419-de0d-4d8c-92f2-12e74c82271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12" nillable="true" ma:taxonomy="true" ma:internalName="lcf76f155ced4ddcb4097134ff3c332f" ma:taxonomyFieldName="MediaServiceImageTags" ma:displayName="Image Tags" ma:readOnly="false" ma:fieldId="{5cf76f15-5ced-4ddc-b409-7134ff3c332f}" ma:taxonomyMulti="true" ma:sspId="9c9f790d-5ba7-4958-876d-c5a7f98ceb48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6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0f8288b-9a52-47d8-96b0-0473573e89eb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680bf444-fadc-47b6-a807-f1c8c3b18a71}" ma:internalName="TaxCatchAll" ma:showField="CatchAllData" ma:web="a0f8288b-9a52-47d8-96b0-0473573e89eb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SharedWithUsers" ma:index="19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0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E13F53C3-ED23-4432-AF16-84F840B6986A}">
  <ds:schemaRefs>
    <ds:schemaRef ds:uri="http://schemas.microsoft.com/office/2006/metadata/properties"/>
    <ds:schemaRef ds:uri="http://schemas.microsoft.com/office/infopath/2007/PartnerControls"/>
    <ds:schemaRef ds:uri="b7a0cce4-3205-4463-9264-366b5671a554"/>
    <ds:schemaRef ds:uri="224222f6-f169-4bfb-b59c-510113337508"/>
  </ds:schemaRefs>
</ds:datastoreItem>
</file>

<file path=customXml/itemProps2.xml><?xml version="1.0" encoding="utf-8"?>
<ds:datastoreItem xmlns:ds="http://schemas.openxmlformats.org/officeDocument/2006/customXml" ds:itemID="{2DA84965-93EF-46AF-8709-A552887786FF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4C180CB8-3219-469E-9F5E-17B5C9761B7E}"/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09</Words>
  <Application>Microsoft Office PowerPoint</Application>
  <PresentationFormat>Widescreen</PresentationFormat>
  <Paragraphs>65</Paragraphs>
  <Slides>6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1" baseType="lpstr">
      <vt:lpstr>Arial</vt:lpstr>
      <vt:lpstr>Calibri</vt:lpstr>
      <vt:lpstr>Calibri Light</vt:lpstr>
      <vt:lpstr>Merriweather</vt:lpstr>
      <vt:lpstr>office theme</vt:lpstr>
      <vt:lpstr>List of Hotels</vt:lpstr>
      <vt:lpstr>Giessen</vt:lpstr>
      <vt:lpstr>Giessen</vt:lpstr>
      <vt:lpstr>Giessen</vt:lpstr>
      <vt:lpstr>Wetzlar</vt:lpstr>
      <vt:lpstr>Wetzlar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>Tonja Felber</cp:lastModifiedBy>
  <cp:revision>1</cp:revision>
  <dcterms:created xsi:type="dcterms:W3CDTF">2023-03-21T07:59:59Z</dcterms:created>
  <dcterms:modified xsi:type="dcterms:W3CDTF">2023-03-21T08:49:2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10C034774DBA114F99BDE548905A1D71</vt:lpwstr>
  </property>
  <property fmtid="{D5CDD505-2E9C-101B-9397-08002B2CF9AE}" pid="3" name="MediaServiceImageTags">
    <vt:lpwstr/>
  </property>
  <property fmtid="{D5CDD505-2E9C-101B-9397-08002B2CF9AE}" pid="4" name="xd_ProgID">
    <vt:lpwstr/>
  </property>
  <property fmtid="{D5CDD505-2E9C-101B-9397-08002B2CF9AE}" pid="5" name="_SourceUrl">
    <vt:lpwstr/>
  </property>
  <property fmtid="{D5CDD505-2E9C-101B-9397-08002B2CF9AE}" pid="6" name="_SharedFileIndex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  <property fmtid="{D5CDD505-2E9C-101B-9397-08002B2CF9AE}" pid="11" name="xd_Signature">
    <vt:bool>false</vt:bool>
  </property>
</Properties>
</file>